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nhaa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6D85E1EE-6015-EE2F-685A-324A544440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9476" y="4636307"/>
            <a:ext cx="3099523" cy="200849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Graphics&#10;&#10;Automatisch gegenereerde beschrijving">
            <a:extLst>
              <a:ext uri="{FF2B5EF4-FFF2-40B4-BE49-F238E27FC236}">
                <a16:creationId xmlns:a16="http://schemas.microsoft.com/office/drawing/2014/main" id="{FE68AAD1-1EC8-0316-9E9E-340AA7DACAF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8259" y="3847786"/>
            <a:ext cx="2256497" cy="146221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9-26T13:17:49Z</dcterms:modified>
</cp:coreProperties>
</file>